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1-129-2023 Prístroj na kontinuálne meranie krvných parametrov\03. Príprava\06. PTK\01. Odoslanie PTK\"/>
    </mc:Choice>
  </mc:AlternateContent>
  <bookViews>
    <workbookView xWindow="0" yWindow="0" windowWidth="23040" windowHeight="9195"/>
  </bookViews>
  <sheets>
    <sheet name="PTK - Ponuka" sheetId="8" r:id="rId1"/>
  </sheets>
  <definedNames>
    <definedName name="_xlnm.Print_Area" localSheetId="0">'PTK - Ponuka'!$B$1:$F$134</definedName>
  </definedNames>
  <calcPr calcId="162913"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0" uniqueCount="19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Kalkulácia ceny a návrh na plnenie kritéria na vyhodnotenie ponúk - Štruktúrovaný rozpočet ceny predmetu zákazky</t>
  </si>
  <si>
    <r>
      <t xml:space="preserve">Potvrdenie ŠÚKL </t>
    </r>
    <r>
      <rPr>
        <sz val="10"/>
        <color theme="1"/>
        <rFont val="Arial"/>
        <family val="2"/>
        <charset val="238"/>
      </rPr>
      <t xml:space="preserve">(výstup z databázy registrovaných/evidovaných zdravotníckych pomôcok), resp. iné doklady, ktoré nahrádzajú požadované potvrdenie.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rístroj na kontinuálne meranie krvných parametrov počas mimotelového obehu</t>
  </si>
  <si>
    <t>38434520-7 Analyzátory krvi</t>
  </si>
  <si>
    <t>Analyzátor na online monitoring krvných plynov</t>
  </si>
  <si>
    <t>Položka č. 1 - Prístroj na kontinuálne meranie krvných parametrov počas mimotelového obehu</t>
  </si>
  <si>
    <t>1.1</t>
  </si>
  <si>
    <t>1.2</t>
  </si>
  <si>
    <t>1.3</t>
  </si>
  <si>
    <t>1.4</t>
  </si>
  <si>
    <t>1.5</t>
  </si>
  <si>
    <t>1.6</t>
  </si>
  <si>
    <t>1.7</t>
  </si>
  <si>
    <t>1.8</t>
  </si>
  <si>
    <t>1.9</t>
  </si>
  <si>
    <t>1.10</t>
  </si>
  <si>
    <t>1.11</t>
  </si>
  <si>
    <t>1.12</t>
  </si>
  <si>
    <t>1.13</t>
  </si>
  <si>
    <t>1.14</t>
  </si>
  <si>
    <t>1.15</t>
  </si>
  <si>
    <t>1.16</t>
  </si>
  <si>
    <t>1.17</t>
  </si>
  <si>
    <t>1.18</t>
  </si>
  <si>
    <t>Rozsah merania PCO2: min. 10 mmHg - max. 100 mmHg</t>
  </si>
  <si>
    <t>Rozsah merania PO2: min. 50 mmHg - max. 300 mmHg</t>
  </si>
  <si>
    <r>
      <t xml:space="preserve">Rozsah merania teploty: min. 15 - max. 45 </t>
    </r>
    <r>
      <rPr>
        <vertAlign val="superscript"/>
        <sz val="11"/>
        <color theme="1"/>
        <rFont val="Calibri"/>
        <family val="2"/>
        <charset val="238"/>
        <scheme val="minor"/>
      </rPr>
      <t>o</t>
    </r>
    <r>
      <rPr>
        <sz val="11"/>
        <color theme="1"/>
        <rFont val="Calibri"/>
        <family val="2"/>
        <charset val="238"/>
        <scheme val="minor"/>
      </rPr>
      <t>C</t>
    </r>
  </si>
  <si>
    <t>Rozsah merania SO2: min 20 % - max. 100 %</t>
  </si>
  <si>
    <t>Rozsah merania HCT: min. 10 % - max. 45 %</t>
  </si>
  <si>
    <t>Rozsah merania total HCT: min. 10 % - max. 45 %</t>
  </si>
  <si>
    <t>Veľkost zobrazovacieho monitora: 15 inch</t>
  </si>
  <si>
    <t>Rozsah merania prietoku: min. 0 l/min - max. 7 l/min</t>
  </si>
  <si>
    <t>Spektrofotometrické meranie krvných parametrov: pH, PCO2, PO2, teplota, saturácia kyslíka, HCT, total hemoglobín, spotreba kyslíka, HCO3, prietok krvi
Požadujeme: optický kábel - merania v reálnom čase</t>
  </si>
  <si>
    <r>
      <t>Cyklus merania pH, PCO</t>
    </r>
    <r>
      <rPr>
        <vertAlign val="subscript"/>
        <sz val="11"/>
        <color theme="1"/>
        <rFont val="Calibri"/>
        <family val="2"/>
        <charset val="238"/>
      </rPr>
      <t>2</t>
    </r>
    <r>
      <rPr>
        <sz val="11"/>
        <color theme="1"/>
        <rFont val="Calibri"/>
        <family val="2"/>
        <charset val="238"/>
      </rPr>
      <t>, PO</t>
    </r>
    <r>
      <rPr>
        <vertAlign val="subscript"/>
        <sz val="11"/>
        <color theme="1"/>
        <rFont val="Calibri"/>
        <family val="2"/>
        <charset val="238"/>
      </rPr>
      <t>2</t>
    </r>
    <r>
      <rPr>
        <sz val="11"/>
        <color theme="1"/>
        <rFont val="Calibri"/>
        <family val="2"/>
        <charset val="238"/>
      </rPr>
      <t xml:space="preserve"> každú sekundu
Požadujeme: optický kábel - merania v reálnom čase</t>
    </r>
  </si>
  <si>
    <r>
      <t>Cyklus merania K</t>
    </r>
    <r>
      <rPr>
        <vertAlign val="superscript"/>
        <sz val="11"/>
        <color theme="1"/>
        <rFont val="Calibri"/>
        <family val="2"/>
        <charset val="238"/>
      </rPr>
      <t>+</t>
    </r>
    <r>
      <rPr>
        <sz val="11"/>
        <color theme="1"/>
        <rFont val="Calibri"/>
        <family val="2"/>
        <charset val="238"/>
      </rPr>
      <t xml:space="preserve"> každých 6 sekúnd
Požadujeme: optický kábel - merania v reálnom čase</t>
    </r>
  </si>
  <si>
    <t>Cyklus merania SO2, Hct, Hgb každých 18 milisekúnd
Požadujeme: optický kábel - merania v reálnom čase</t>
  </si>
  <si>
    <t>Možnosť integrovaného zaznamau v systéme pre potrebu archivácie nameraných údajov
Požadujeme: použitie pamäťovej karty</t>
  </si>
  <si>
    <t>Možnosť kalibrácie systému pred použitím ako bezpečnostný prvok</t>
  </si>
  <si>
    <t>Meracie senzory bez použitia spotrebného materiálu</t>
  </si>
  <si>
    <t>Kombinácia farebne rozlíšených modulov - Arteriálne/Venózne krvné parametre a Hematokrit/Saturácia</t>
  </si>
  <si>
    <t>Online aktualizácia meraných parametrov na systémovom displeji v reálnom čase zobrazené na monitore</t>
  </si>
  <si>
    <t>Stav prístroja - nový, nepoužívaný</t>
  </si>
  <si>
    <t>Analyzátor na online monitoring krvných plynov - 1 ks</t>
  </si>
  <si>
    <t>Prospektový materiál</t>
  </si>
  <si>
    <t>Poznámka:</t>
  </si>
  <si>
    <t>- povinné údaje vyplní uchádzač</t>
  </si>
  <si>
    <t>Požaduje sa uzatvorenie kúpnej zmluvy.</t>
  </si>
  <si>
    <t>Požaduje sa dodanie prístroja:</t>
  </si>
  <si>
    <t>2.1.</t>
  </si>
  <si>
    <t>do 30 pracovných dní odo dňa nadobudnutia účinnosti zmluvy (do termínu sa nezapočítavajú dni pracovného voľna, pracovného pokoja a štátne sviatky),</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a dodanie prístroja sú zmluvné strany, resp. ich poverení zástupcovia, povinné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5.</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softvéru a licencií, prevodom vlastníctva k prístroju na Objednávateľa, ako aj poskytovanie záručného servisu v mieste inštalácie.</t>
  </si>
  <si>
    <t>6.</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7.</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8.</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zmluvné strany, resp. ich poverení zástupcovia. Uvedená záručná doba sa automaticky predlžuje o dobu, po ktorú nemohol byť prístroj využívaný na účel, na ktorý je určený a to z dôvodov, na ktoré sa vzťahuje záruka. </t>
  </si>
  <si>
    <t>9.</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vykonanie štandardných vylepšení prístroja odporúčaných a predpísaných výrobcom prístroja, vrátane vykonania servisných aktualizácií, t. j. servisný update softwarového vybavenia prístroja,</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10.</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12.</t>
  </si>
  <si>
    <t>Dodávateľ je povinný počas trvania záručnej doby odstrániť vady v nasledujúcich lehotách od nástupu na opravu:</t>
  </si>
  <si>
    <t>12.1.</t>
  </si>
  <si>
    <t>oprava vady, pri ktorej nie je potrebná dodávka náhradného dielu najneskôr do 48 hodín,</t>
  </si>
  <si>
    <t>12.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13.</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3.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3.2.</t>
  </si>
  <si>
    <t>nedodržanie dohodnutých lehôt na odstránenie vady: 50,- € (slovom: päťdesiat EUR) za každú začatú hodinu omeškania, najviac však do výšky 5% kúpnej ceny prístroja, a to pre každý jednotlivý prípad omeškania Dodávateľa.</t>
  </si>
  <si>
    <t>14.</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5.</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utorizáciu a skúsenosti nevyhnutné na plnenie svojich povinností.</t>
  </si>
  <si>
    <t>1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18.</t>
  </si>
  <si>
    <t xml:space="preserve">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i>
    <t>19.</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20.</t>
  </si>
  <si>
    <t>Zmluvné strany sa dohodli, že sú zbavené zodpovednosti za čiastočné alebo úplné neplnenie zmluvných povinností v prípade, že toto neplnenie je v dôsledku okolností vylučujúcich zodpovednosť. Pre účely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mu vznikla porušením tejto povinnosti.</t>
  </si>
  <si>
    <t>22.</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23.</t>
  </si>
  <si>
    <t>V prípade, ak sa na predmet zákazky vykonala prípravná trhová konzultácia, informácie k prípravnej trhovej konzultácie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20"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vertAlign val="superscript"/>
      <sz val="11"/>
      <color theme="1"/>
      <name val="Calibri"/>
      <family val="2"/>
      <charset val="238"/>
      <scheme val="minor"/>
    </font>
    <font>
      <sz val="11"/>
      <color theme="1"/>
      <name val="Calibri"/>
      <family val="2"/>
      <charset val="238"/>
    </font>
    <font>
      <vertAlign val="subscript"/>
      <sz val="11"/>
      <color theme="1"/>
      <name val="Calibri"/>
      <family val="2"/>
      <charset val="238"/>
    </font>
    <font>
      <vertAlign val="superscript"/>
      <sz val="11"/>
      <color theme="1"/>
      <name val="Calibri"/>
      <family val="2"/>
      <charset val="238"/>
    </font>
    <font>
      <sz val="8"/>
      <color theme="1"/>
      <name val="Times New Roman"/>
      <family val="1"/>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thin">
        <color auto="1"/>
      </top>
      <bottom style="dashed">
        <color auto="1"/>
      </bottom>
      <diagonal/>
    </border>
    <border>
      <left style="thin">
        <color auto="1"/>
      </left>
      <right style="thin">
        <color auto="1"/>
      </right>
      <top style="thin">
        <color auto="1"/>
      </top>
      <bottom style="dashed">
        <color auto="1"/>
      </bottom>
      <diagonal/>
    </border>
    <border>
      <left style="medium">
        <color auto="1"/>
      </left>
      <right style="thin">
        <color auto="1"/>
      </right>
      <top style="dashed">
        <color auto="1"/>
      </top>
      <bottom style="dotted">
        <color auto="1"/>
      </bottom>
      <diagonal/>
    </border>
    <border>
      <left style="thin">
        <color auto="1"/>
      </left>
      <right style="thin">
        <color auto="1"/>
      </right>
      <top style="dashed">
        <color auto="1"/>
      </top>
      <bottom style="dotted">
        <color auto="1"/>
      </bottom>
      <diagonal/>
    </border>
    <border>
      <left style="medium">
        <color auto="1"/>
      </left>
      <right style="thin">
        <color auto="1"/>
      </right>
      <top style="dotted">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medium">
        <color auto="1"/>
      </left>
      <right style="thin">
        <color auto="1"/>
      </right>
      <top style="thin">
        <color auto="1"/>
      </top>
      <bottom/>
      <diagonal/>
    </border>
    <border>
      <left style="thin">
        <color auto="1"/>
      </left>
      <right/>
      <top/>
      <bottom style="thin">
        <color auto="1"/>
      </bottom>
      <diagonal/>
    </border>
    <border>
      <left style="medium">
        <color auto="1"/>
      </left>
      <right/>
      <top style="medium">
        <color auto="1"/>
      </top>
      <bottom style="thin">
        <color indexed="64"/>
      </bottom>
      <diagonal/>
    </border>
    <border>
      <left/>
      <right/>
      <top style="medium">
        <color auto="1"/>
      </top>
      <bottom style="thin">
        <color indexed="64"/>
      </bottom>
      <diagonal/>
    </border>
    <border>
      <left/>
      <right style="medium">
        <color auto="1"/>
      </right>
      <top style="medium">
        <color auto="1"/>
      </top>
      <bottom style="thin">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7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2" fillId="0" borderId="23" xfId="0" applyFont="1" applyFill="1" applyBorder="1" applyAlignment="1">
      <alignment horizontal="left" vertical="center" wrapText="1"/>
    </xf>
    <xf numFmtId="49" fontId="2" fillId="0" borderId="11" xfId="0" applyNumberFormat="1" applyFont="1" applyBorder="1" applyAlignment="1">
      <alignment horizontal="center" vertical="center"/>
    </xf>
    <xf numFmtId="49" fontId="2" fillId="0" borderId="27" xfId="0" applyNumberFormat="1" applyFont="1" applyFill="1" applyBorder="1" applyAlignment="1">
      <alignment horizontal="center" vertical="center" wrapText="1"/>
    </xf>
    <xf numFmtId="0" fontId="7" fillId="0" borderId="28" xfId="0" applyNumberFormat="1" applyFont="1" applyBorder="1" applyAlignment="1">
      <alignment horizontal="center" vertical="center" wrapText="1"/>
    </xf>
    <xf numFmtId="0" fontId="3" fillId="0" borderId="10" xfId="0" applyFont="1" applyFill="1" applyBorder="1" applyAlignment="1">
      <alignment horizontal="left" vertical="center" wrapText="1"/>
    </xf>
    <xf numFmtId="0" fontId="2" fillId="0" borderId="20" xfId="0" applyFont="1" applyFill="1" applyBorder="1" applyAlignment="1">
      <alignment horizontal="left" vertical="top" wrapText="1"/>
    </xf>
    <xf numFmtId="0" fontId="3" fillId="0" borderId="28" xfId="0" applyFont="1" applyFill="1" applyBorder="1" applyAlignment="1">
      <alignment horizontal="left" vertical="center" wrapText="1"/>
    </xf>
    <xf numFmtId="49" fontId="4" fillId="2" borderId="15" xfId="0" applyNumberFormat="1" applyFont="1" applyFill="1" applyBorder="1" applyAlignment="1">
      <alignment horizontal="center" vertical="center" wrapText="1"/>
    </xf>
    <xf numFmtId="0" fontId="2" fillId="0" borderId="30" xfId="0" applyNumberFormat="1" applyFont="1" applyBorder="1" applyAlignment="1">
      <alignment horizontal="center" vertical="center" wrapText="1"/>
    </xf>
    <xf numFmtId="49" fontId="2" fillId="0" borderId="0" xfId="0" applyNumberFormat="1" applyFont="1" applyBorder="1" applyAlignment="1">
      <alignment horizontal="center" vertical="center"/>
    </xf>
    <xf numFmtId="49" fontId="2" fillId="6" borderId="8" xfId="0" applyNumberFormat="1" applyFont="1" applyFill="1" applyBorder="1" applyAlignment="1">
      <alignment horizontal="left" vertical="center"/>
    </xf>
    <xf numFmtId="49" fontId="4" fillId="0" borderId="5" xfId="0" applyNumberFormat="1" applyFont="1" applyFill="1" applyBorder="1" applyAlignment="1">
      <alignment horizontal="left" vertical="center" wrapText="1"/>
    </xf>
    <xf numFmtId="0" fontId="0" fillId="0" borderId="5" xfId="0" applyBorder="1" applyAlignment="1">
      <alignment horizontal="left" vertical="center"/>
    </xf>
    <xf numFmtId="0" fontId="15" fillId="0" borderId="5" xfId="0" applyFont="1" applyBorder="1" applyAlignment="1">
      <alignment horizontal="left" vertical="center" wrapText="1"/>
    </xf>
    <xf numFmtId="49" fontId="4" fillId="0" borderId="25" xfId="0" applyNumberFormat="1" applyFont="1" applyFill="1" applyBorder="1" applyAlignment="1">
      <alignment horizontal="left" vertical="center" wrapText="1"/>
    </xf>
    <xf numFmtId="0" fontId="7" fillId="0" borderId="0" xfId="5" applyFont="1" applyAlignment="1" applyProtection="1">
      <alignment wrapText="1"/>
      <protection locked="0"/>
    </xf>
    <xf numFmtId="0" fontId="7" fillId="0" borderId="0" xfId="5" applyFont="1" applyAlignment="1" applyProtection="1">
      <alignment horizontal="center" vertical="top"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2" xfId="0" applyFont="1" applyFill="1" applyBorder="1" applyAlignment="1" applyProtection="1">
      <alignment wrapText="1"/>
      <protection locked="0"/>
    </xf>
    <xf numFmtId="0" fontId="18" fillId="0" borderId="0" xfId="0" applyFont="1" applyAlignment="1" applyProtection="1">
      <alignment horizontal="left" vertical="center"/>
      <protection locked="0"/>
    </xf>
    <xf numFmtId="0" fontId="19" fillId="0" borderId="0" xfId="6" applyFont="1" applyAlignment="1" applyProtection="1">
      <alignment horizontal="left"/>
      <protection locked="0"/>
    </xf>
    <xf numFmtId="0" fontId="19" fillId="0" borderId="0" xfId="6" applyFont="1" applyAlignment="1" applyProtection="1">
      <alignment horizontal="center"/>
      <protection locked="0"/>
    </xf>
    <xf numFmtId="0" fontId="19" fillId="0" borderId="0" xfId="6" applyFont="1" applyFill="1" applyBorder="1" applyProtection="1">
      <protection locked="0"/>
    </xf>
    <xf numFmtId="164" fontId="19" fillId="0" borderId="0" xfId="6" applyNumberFormat="1" applyFont="1" applyAlignment="1" applyProtection="1">
      <alignment horizontal="right"/>
      <protection locked="0"/>
    </xf>
    <xf numFmtId="0" fontId="19" fillId="0" borderId="0" xfId="6" applyFont="1" applyProtection="1">
      <protection locked="0"/>
    </xf>
    <xf numFmtId="49" fontId="2" fillId="6" borderId="33" xfId="0" applyNumberFormat="1" applyFont="1" applyFill="1" applyBorder="1" applyAlignment="1">
      <alignment horizontal="center" vertical="center" wrapText="1"/>
    </xf>
    <xf numFmtId="0" fontId="4" fillId="6" borderId="34" xfId="0" applyFont="1" applyFill="1" applyBorder="1" applyAlignment="1">
      <alignment vertical="center" wrapText="1"/>
    </xf>
    <xf numFmtId="49" fontId="2" fillId="6" borderId="35" xfId="0" applyNumberFormat="1" applyFont="1" applyFill="1" applyBorder="1" applyAlignment="1">
      <alignment horizontal="right" vertical="center" wrapText="1"/>
    </xf>
    <xf numFmtId="0" fontId="4" fillId="6" borderId="36" xfId="0" applyFont="1" applyFill="1" applyBorder="1" applyAlignment="1">
      <alignment vertical="center" wrapText="1"/>
    </xf>
    <xf numFmtId="49" fontId="2" fillId="6" borderId="37" xfId="0" applyNumberFormat="1" applyFont="1" applyFill="1" applyBorder="1" applyAlignment="1">
      <alignment horizontal="right" vertical="center" wrapText="1"/>
    </xf>
    <xf numFmtId="0" fontId="4" fillId="6" borderId="38" xfId="0" applyFont="1" applyFill="1" applyBorder="1" applyAlignment="1">
      <alignment vertical="center" wrapText="1"/>
    </xf>
    <xf numFmtId="49" fontId="2" fillId="6" borderId="39" xfId="0" applyNumberFormat="1" applyFont="1" applyFill="1" applyBorder="1" applyAlignment="1">
      <alignment horizontal="right" vertical="center" wrapText="1"/>
    </xf>
    <xf numFmtId="0" fontId="4" fillId="6" borderId="40" xfId="0" applyFont="1" applyFill="1" applyBorder="1" applyAlignment="1">
      <alignment vertical="center" wrapText="1"/>
    </xf>
    <xf numFmtId="0" fontId="4" fillId="0" borderId="5" xfId="0" applyFont="1" applyFill="1" applyBorder="1" applyAlignment="1">
      <alignment vertical="center" wrapText="1"/>
    </xf>
    <xf numFmtId="0" fontId="4" fillId="6" borderId="5" xfId="0" applyFont="1" applyFill="1" applyBorder="1" applyAlignment="1">
      <alignment vertical="center" wrapText="1"/>
    </xf>
    <xf numFmtId="49" fontId="2" fillId="0" borderId="41" xfId="0" applyNumberFormat="1" applyFont="1" applyFill="1" applyBorder="1" applyAlignment="1">
      <alignment horizontal="center" vertical="center" wrapText="1"/>
    </xf>
    <xf numFmtId="49" fontId="2" fillId="0" borderId="37" xfId="0" applyNumberFormat="1" applyFont="1" applyFill="1" applyBorder="1" applyAlignment="1">
      <alignment horizontal="right" vertical="center" wrapText="1"/>
    </xf>
    <xf numFmtId="0" fontId="4" fillId="6" borderId="42" xfId="0" applyFont="1" applyFill="1" applyBorder="1" applyAlignment="1">
      <alignment vertical="center" wrapText="1"/>
    </xf>
    <xf numFmtId="0" fontId="4" fillId="6" borderId="43" xfId="0" applyFont="1" applyFill="1" applyBorder="1" applyAlignment="1">
      <alignment vertical="center" wrapText="1"/>
    </xf>
    <xf numFmtId="49" fontId="2" fillId="6" borderId="8" xfId="0" applyNumberFormat="1" applyFont="1" applyFill="1" applyBorder="1" applyAlignment="1">
      <alignment horizontal="center" vertical="center" wrapText="1"/>
    </xf>
    <xf numFmtId="49" fontId="2" fillId="0" borderId="44" xfId="0" applyNumberFormat="1" applyFont="1" applyFill="1" applyBorder="1" applyAlignment="1">
      <alignment horizontal="center" vertical="center" wrapText="1"/>
    </xf>
    <xf numFmtId="49" fontId="2" fillId="0" borderId="45" xfId="0" applyNumberFormat="1" applyFont="1" applyFill="1" applyBorder="1" applyAlignment="1">
      <alignment horizontal="right" vertical="center" wrapText="1"/>
    </xf>
    <xf numFmtId="49" fontId="2" fillId="0" borderId="46" xfId="0" applyNumberFormat="1" applyFont="1" applyFill="1" applyBorder="1" applyAlignment="1">
      <alignment horizontal="center" vertical="center" wrapText="1"/>
    </xf>
    <xf numFmtId="0" fontId="2" fillId="0" borderId="20" xfId="0" applyFont="1" applyBorder="1" applyAlignment="1">
      <alignmen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4" borderId="0" xfId="0" applyFont="1" applyFill="1" applyAlignment="1">
      <alignment horizontal="center" vertical="center" wrapText="1"/>
    </xf>
    <xf numFmtId="49" fontId="5" fillId="2" borderId="1" xfId="0" applyNumberFormat="1" applyFont="1" applyFill="1" applyBorder="1" applyAlignment="1">
      <alignment horizontal="left" vertical="top" wrapText="1"/>
    </xf>
    <xf numFmtId="49" fontId="5" fillId="2" borderId="13" xfId="0" applyNumberFormat="1" applyFont="1" applyFill="1" applyBorder="1" applyAlignment="1">
      <alignment horizontal="left" vertical="top" wrapText="1"/>
    </xf>
    <xf numFmtId="49" fontId="5" fillId="2" borderId="12" xfId="0" applyNumberFormat="1" applyFont="1" applyFill="1" applyBorder="1" applyAlignment="1">
      <alignment horizontal="left" vertical="top" wrapText="1"/>
    </xf>
    <xf numFmtId="49" fontId="5" fillId="2" borderId="3" xfId="0" applyNumberFormat="1" applyFont="1" applyFill="1" applyBorder="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5" fillId="2" borderId="14" xfId="0" applyFont="1" applyFill="1" applyBorder="1" applyAlignment="1">
      <alignment horizontal="center" vertical="top" wrapText="1"/>
    </xf>
    <xf numFmtId="0" fontId="5" fillId="2" borderId="13" xfId="0" applyFont="1" applyFill="1" applyBorder="1" applyAlignment="1">
      <alignment horizontal="center" vertical="top" wrapText="1"/>
    </xf>
    <xf numFmtId="0" fontId="5" fillId="2" borderId="2" xfId="0" applyFont="1" applyFill="1" applyBorder="1" applyAlignment="1">
      <alignment horizontal="center" vertical="top" wrapText="1"/>
    </xf>
    <xf numFmtId="49" fontId="4" fillId="2" borderId="16" xfId="0" applyNumberFormat="1" applyFont="1" applyFill="1" applyBorder="1" applyAlignment="1">
      <alignment horizontal="center" vertical="center" wrapText="1"/>
    </xf>
    <xf numFmtId="49" fontId="4" fillId="2" borderId="17" xfId="0" applyNumberFormat="1" applyFont="1" applyFill="1" applyBorder="1" applyAlignment="1">
      <alignment horizontal="center" vertical="center"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7" fillId="0" borderId="0" xfId="0" applyNumberFormat="1" applyFont="1" applyBorder="1" applyAlignment="1">
      <alignment horizontal="left" vertical="center" wrapText="1"/>
    </xf>
    <xf numFmtId="0" fontId="2" fillId="0" borderId="0" xfId="0" applyFont="1" applyFill="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4" fillId="2" borderId="18" xfId="0" applyNumberFormat="1" applyFont="1" applyFill="1" applyBorder="1" applyAlignment="1">
      <alignment horizontal="center" vertical="center" wrapText="1"/>
    </xf>
    <xf numFmtId="49" fontId="4"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18" fillId="0" borderId="0" xfId="0" applyFont="1" applyAlignment="1" applyProtection="1">
      <alignment horizontal="left"/>
      <protection locked="0"/>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31"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2" fillId="0" borderId="27" xfId="0" applyNumberFormat="1" applyFont="1" applyBorder="1" applyAlignment="1">
      <alignment horizontal="center" vertical="center" wrapText="1"/>
    </xf>
    <xf numFmtId="0" fontId="4" fillId="0" borderId="47" xfId="0" applyFont="1" applyBorder="1" applyAlignment="1">
      <alignment vertical="center" wrapText="1"/>
    </xf>
    <xf numFmtId="0" fontId="2" fillId="0" borderId="28" xfId="0" applyNumberFormat="1" applyFont="1" applyBorder="1" applyAlignment="1">
      <alignment horizontal="center" vertical="center" wrapText="1"/>
    </xf>
    <xf numFmtId="49" fontId="5" fillId="5" borderId="48" xfId="0" applyNumberFormat="1" applyFont="1" applyFill="1" applyBorder="1" applyAlignment="1">
      <alignment horizontal="left" vertical="center" wrapText="1"/>
    </xf>
    <xf numFmtId="49" fontId="5" fillId="5" borderId="49" xfId="0" applyNumberFormat="1" applyFont="1" applyFill="1" applyBorder="1" applyAlignment="1">
      <alignment horizontal="left" vertical="center" wrapText="1"/>
    </xf>
    <xf numFmtId="49" fontId="5" fillId="5" borderId="50" xfId="0" applyNumberFormat="1" applyFont="1" applyFill="1" applyBorder="1" applyAlignment="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3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50"/>
  <sheetViews>
    <sheetView showGridLines="0" tabSelected="1" zoomScaleNormal="100" workbookViewId="0"/>
  </sheetViews>
  <sheetFormatPr defaultRowHeight="12.75" x14ac:dyDescent="0.2"/>
  <cols>
    <col min="1" max="1" width="5.570312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41" t="s">
        <v>45</v>
      </c>
      <c r="C1" s="141"/>
      <c r="D1" s="141"/>
      <c r="E1" s="141"/>
      <c r="F1" s="141"/>
    </row>
    <row r="2" spans="2:6" s="10" customFormat="1" ht="27.75" customHeight="1" x14ac:dyDescent="0.2">
      <c r="B2" s="140" t="s">
        <v>43</v>
      </c>
      <c r="C2" s="140"/>
      <c r="D2" s="140"/>
      <c r="E2" s="140"/>
      <c r="F2" s="140"/>
    </row>
    <row r="3" spans="2:6" s="10" customFormat="1" ht="54.75" customHeight="1" x14ac:dyDescent="0.2">
      <c r="B3" s="147" t="s">
        <v>49</v>
      </c>
      <c r="C3" s="147"/>
      <c r="D3" s="147"/>
      <c r="E3" s="147"/>
      <c r="F3" s="147"/>
    </row>
    <row r="4" spans="2:6" ht="24.95" customHeight="1" x14ac:dyDescent="0.2">
      <c r="B4" s="42" t="s">
        <v>48</v>
      </c>
      <c r="C4" s="43"/>
      <c r="D4" s="39"/>
      <c r="E4" s="39"/>
      <c r="F4" s="39"/>
    </row>
    <row r="5" spans="2:6" ht="24.95" customHeight="1" x14ac:dyDescent="0.2">
      <c r="B5" s="42" t="s">
        <v>46</v>
      </c>
      <c r="C5" s="44"/>
      <c r="D5" s="39"/>
      <c r="E5" s="39"/>
      <c r="F5" s="39"/>
    </row>
    <row r="6" spans="2:6" ht="5.0999999999999996" customHeight="1" x14ac:dyDescent="0.2">
      <c r="B6" s="39"/>
      <c r="C6" s="39"/>
      <c r="D6" s="39"/>
      <c r="E6" s="39"/>
      <c r="F6" s="39"/>
    </row>
    <row r="7" spans="2:6" s="2" customFormat="1" ht="20.100000000000001" customHeight="1" x14ac:dyDescent="0.25">
      <c r="B7" s="118" t="s">
        <v>5</v>
      </c>
      <c r="C7" s="118"/>
      <c r="D7" s="118"/>
      <c r="E7" s="118"/>
      <c r="F7" s="118"/>
    </row>
    <row r="8" spans="2:6" s="2" customFormat="1" ht="20.100000000000001" customHeight="1" x14ac:dyDescent="0.25">
      <c r="B8" s="148" t="s">
        <v>9</v>
      </c>
      <c r="C8" s="148"/>
      <c r="D8" s="148"/>
      <c r="E8" s="148"/>
      <c r="F8" s="148"/>
    </row>
    <row r="9" spans="2:6" ht="28.5" customHeight="1" x14ac:dyDescent="0.2">
      <c r="B9" s="149" t="s">
        <v>64</v>
      </c>
      <c r="C9" s="149"/>
      <c r="D9" s="149"/>
      <c r="E9" s="149"/>
      <c r="F9" s="149"/>
    </row>
    <row r="10" spans="2:6" ht="4.5" customHeight="1" x14ac:dyDescent="0.2">
      <c r="B10" s="41"/>
      <c r="C10" s="41"/>
      <c r="D10" s="41"/>
      <c r="E10" s="41"/>
      <c r="F10" s="41"/>
    </row>
    <row r="11" spans="2:6" s="2" customFormat="1" ht="20.100000000000001" customHeight="1" x14ac:dyDescent="0.25">
      <c r="B11" s="150" t="s">
        <v>10</v>
      </c>
      <c r="C11" s="150"/>
      <c r="D11" s="150"/>
      <c r="E11" s="150"/>
      <c r="F11" s="150"/>
    </row>
    <row r="12" spans="2:6" s="2" customFormat="1" ht="20.100000000000001" customHeight="1" x14ac:dyDescent="0.25">
      <c r="B12" s="123" t="s">
        <v>65</v>
      </c>
      <c r="C12" s="123"/>
      <c r="D12" s="123"/>
      <c r="E12" s="45"/>
      <c r="F12" s="45"/>
    </row>
    <row r="13" spans="2:6" s="2" customFormat="1" ht="20.100000000000001" customHeight="1" x14ac:dyDescent="0.25">
      <c r="B13" s="123" t="s">
        <v>27</v>
      </c>
      <c r="C13" s="123"/>
      <c r="D13" s="123"/>
      <c r="E13" s="49"/>
      <c r="F13" s="49"/>
    </row>
    <row r="14" spans="2:6" ht="4.5" customHeight="1" x14ac:dyDescent="0.2">
      <c r="B14" s="46"/>
      <c r="C14" s="46"/>
      <c r="D14" s="46"/>
      <c r="E14" s="41"/>
      <c r="F14" s="41"/>
    </row>
    <row r="15" spans="2:6" ht="20.100000000000001" customHeight="1" x14ac:dyDescent="0.2">
      <c r="B15" s="40" t="s">
        <v>11</v>
      </c>
      <c r="C15" s="21"/>
      <c r="D15" s="21"/>
      <c r="E15" s="22"/>
      <c r="F15" s="22"/>
    </row>
    <row r="16" spans="2:6" s="3" customFormat="1" ht="24.95" customHeight="1" x14ac:dyDescent="0.25">
      <c r="B16" s="146" t="s">
        <v>57</v>
      </c>
      <c r="C16" s="146"/>
      <c r="D16" s="146"/>
      <c r="E16" s="19"/>
      <c r="F16" s="20"/>
    </row>
    <row r="17" spans="2:6" ht="5.0999999999999996" customHeight="1" x14ac:dyDescent="0.2">
      <c r="B17" s="130"/>
      <c r="C17" s="130"/>
      <c r="D17" s="130"/>
      <c r="F17" s="15"/>
    </row>
    <row r="18" spans="2:6" s="2" customFormat="1" ht="20.100000000000001" customHeight="1" x14ac:dyDescent="0.25">
      <c r="B18" s="118" t="s">
        <v>24</v>
      </c>
      <c r="C18" s="118"/>
      <c r="D18" s="118"/>
      <c r="E18" s="118"/>
      <c r="F18" s="118"/>
    </row>
    <row r="19" spans="2:6" ht="33.75" customHeight="1" x14ac:dyDescent="0.2">
      <c r="B19" s="124" t="s">
        <v>66</v>
      </c>
      <c r="C19" s="124"/>
      <c r="D19" s="124"/>
      <c r="E19" s="124"/>
      <c r="F19" s="124"/>
    </row>
    <row r="20" spans="2:6" ht="5.0999999999999996" customHeight="1" x14ac:dyDescent="0.2">
      <c r="B20" s="130"/>
      <c r="C20" s="130"/>
      <c r="D20" s="130"/>
      <c r="F20" s="15"/>
    </row>
    <row r="21" spans="2:6" s="2" customFormat="1" ht="20.100000000000001" customHeight="1" x14ac:dyDescent="0.25">
      <c r="B21" s="118" t="s">
        <v>25</v>
      </c>
      <c r="C21" s="118"/>
      <c r="D21" s="118"/>
      <c r="E21" s="118"/>
      <c r="F21" s="118"/>
    </row>
    <row r="22" spans="2:6" s="9" customFormat="1" ht="20.100000000000001" customHeight="1" x14ac:dyDescent="0.25">
      <c r="B22" s="131" t="s">
        <v>6</v>
      </c>
      <c r="C22" s="131"/>
      <c r="D22" s="131"/>
      <c r="E22" s="131"/>
      <c r="F22" s="131"/>
    </row>
    <row r="23" spans="2:6" s="9" customFormat="1" ht="20.100000000000001" customHeight="1" x14ac:dyDescent="0.25">
      <c r="B23" s="134" t="s">
        <v>18</v>
      </c>
      <c r="C23" s="135"/>
      <c r="D23" s="14"/>
      <c r="E23" s="14"/>
      <c r="F23" s="14"/>
    </row>
    <row r="24" spans="2:6" s="9" customFormat="1" ht="20.100000000000001" customHeight="1" x14ac:dyDescent="0.25">
      <c r="B24" s="13"/>
      <c r="C24" s="13" t="s">
        <v>22</v>
      </c>
      <c r="D24" s="14"/>
      <c r="E24" s="14"/>
      <c r="F24" s="14"/>
    </row>
    <row r="25" spans="2:6" s="9" customFormat="1" ht="20.100000000000001" customHeight="1" x14ac:dyDescent="0.25">
      <c r="B25" s="13"/>
      <c r="C25" s="13" t="s">
        <v>23</v>
      </c>
      <c r="D25" s="14"/>
      <c r="E25" s="14"/>
      <c r="F25" s="14"/>
    </row>
    <row r="26" spans="2:6" s="9" customFormat="1" ht="20.100000000000001" customHeight="1" x14ac:dyDescent="0.25">
      <c r="B26" s="134" t="s">
        <v>19</v>
      </c>
      <c r="C26" s="135"/>
      <c r="D26" s="14"/>
      <c r="E26" s="14"/>
      <c r="F26" s="14"/>
    </row>
    <row r="27" spans="2:6" s="9" customFormat="1" ht="31.5" customHeight="1" x14ac:dyDescent="0.25">
      <c r="B27" s="17" t="s">
        <v>20</v>
      </c>
      <c r="C27" s="132" t="s">
        <v>13</v>
      </c>
      <c r="D27" s="133"/>
      <c r="E27" s="18" t="s">
        <v>12</v>
      </c>
      <c r="F27" s="18" t="s">
        <v>14</v>
      </c>
    </row>
    <row r="28" spans="2:6" s="9" customFormat="1" ht="24.95" customHeight="1" x14ac:dyDescent="0.25">
      <c r="B28" s="47" t="s">
        <v>2</v>
      </c>
      <c r="C28" s="116" t="s">
        <v>64</v>
      </c>
      <c r="D28" s="117"/>
      <c r="E28" s="16" t="s">
        <v>1</v>
      </c>
      <c r="F28" s="48">
        <v>1</v>
      </c>
    </row>
    <row r="29" spans="2:6" s="9" customFormat="1" ht="4.5" customHeight="1" x14ac:dyDescent="0.25">
      <c r="B29" s="14"/>
      <c r="C29" s="14"/>
      <c r="D29" s="14"/>
      <c r="E29" s="14"/>
      <c r="F29" s="14"/>
    </row>
    <row r="30" spans="2:6" s="9" customFormat="1" ht="20.100000000000001" customHeight="1" x14ac:dyDescent="0.25">
      <c r="B30" s="134" t="s">
        <v>21</v>
      </c>
      <c r="C30" s="135"/>
      <c r="D30" s="14"/>
      <c r="E30" s="14"/>
      <c r="F30" s="14"/>
    </row>
    <row r="31" spans="2:6" s="9" customFormat="1" ht="20.100000000000001" customHeight="1" x14ac:dyDescent="0.2">
      <c r="B31" s="10"/>
      <c r="C31" s="9" t="s">
        <v>3</v>
      </c>
      <c r="D31" s="14"/>
      <c r="E31" s="14"/>
      <c r="F31" s="14"/>
    </row>
    <row r="32" spans="2:6"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118" t="s">
        <v>26</v>
      </c>
      <c r="C34" s="118"/>
      <c r="D34" s="118"/>
      <c r="E34" s="118"/>
      <c r="F34" s="118"/>
    </row>
    <row r="35" spans="2:7" s="2" customFormat="1" ht="5.0999999999999996" customHeight="1" thickBot="1" x14ac:dyDescent="0.3">
      <c r="B35" s="15"/>
      <c r="D35" s="6"/>
      <c r="E35" s="6"/>
      <c r="F35" s="6"/>
    </row>
    <row r="36" spans="2:7" s="3" customFormat="1" ht="93" customHeight="1" x14ac:dyDescent="0.25">
      <c r="B36" s="119" t="s">
        <v>0</v>
      </c>
      <c r="C36" s="120"/>
      <c r="D36" s="125" t="s">
        <v>62</v>
      </c>
      <c r="E36" s="126"/>
      <c r="F36" s="127"/>
      <c r="G36" s="23"/>
    </row>
    <row r="37" spans="2:7" s="3" customFormat="1" ht="30" customHeight="1" thickBot="1" x14ac:dyDescent="0.3">
      <c r="B37" s="121"/>
      <c r="C37" s="122"/>
      <c r="D37" s="65" t="s">
        <v>28</v>
      </c>
      <c r="E37" s="128" t="s">
        <v>29</v>
      </c>
      <c r="F37" s="129"/>
    </row>
    <row r="38" spans="2:7" s="25" customFormat="1" ht="30.75" customHeight="1" x14ac:dyDescent="0.25">
      <c r="B38" s="111" t="s">
        <v>67</v>
      </c>
      <c r="C38" s="112"/>
      <c r="D38" s="112"/>
      <c r="E38" s="112"/>
      <c r="F38" s="113"/>
    </row>
    <row r="39" spans="2:7" s="4" customFormat="1" ht="30" customHeight="1" x14ac:dyDescent="0.25">
      <c r="B39" s="68" t="s">
        <v>16</v>
      </c>
      <c r="C39" s="69" t="s">
        <v>104</v>
      </c>
      <c r="D39" s="51"/>
      <c r="E39" s="114"/>
      <c r="F39" s="115"/>
    </row>
    <row r="40" spans="2:7" s="4" customFormat="1" ht="30" customHeight="1" x14ac:dyDescent="0.25">
      <c r="B40" s="57" t="s">
        <v>68</v>
      </c>
      <c r="C40" s="69" t="s">
        <v>86</v>
      </c>
      <c r="D40" s="51"/>
      <c r="E40" s="114"/>
      <c r="F40" s="115"/>
    </row>
    <row r="41" spans="2:7" s="4" customFormat="1" ht="30" customHeight="1" x14ac:dyDescent="0.25">
      <c r="B41" s="57" t="s">
        <v>69</v>
      </c>
      <c r="C41" s="69" t="s">
        <v>87</v>
      </c>
      <c r="D41" s="51"/>
      <c r="E41" s="114"/>
      <c r="F41" s="115"/>
    </row>
    <row r="42" spans="2:7" s="4" customFormat="1" ht="30" customHeight="1" x14ac:dyDescent="0.25">
      <c r="B42" s="57" t="s">
        <v>70</v>
      </c>
      <c r="C42" s="70" t="s">
        <v>88</v>
      </c>
      <c r="D42" s="51"/>
      <c r="E42" s="114"/>
      <c r="F42" s="115"/>
    </row>
    <row r="43" spans="2:7" s="4" customFormat="1" ht="30" customHeight="1" x14ac:dyDescent="0.25">
      <c r="B43" s="57" t="s">
        <v>71</v>
      </c>
      <c r="C43" s="69" t="s">
        <v>89</v>
      </c>
      <c r="D43" s="51"/>
      <c r="E43" s="114"/>
      <c r="F43" s="115"/>
    </row>
    <row r="44" spans="2:7" s="4" customFormat="1" ht="30" customHeight="1" x14ac:dyDescent="0.25">
      <c r="B44" s="57" t="s">
        <v>72</v>
      </c>
      <c r="C44" s="69" t="s">
        <v>90</v>
      </c>
      <c r="D44" s="51"/>
      <c r="E44" s="114"/>
      <c r="F44" s="115"/>
    </row>
    <row r="45" spans="2:7" s="4" customFormat="1" ht="30" customHeight="1" x14ac:dyDescent="0.25">
      <c r="B45" s="57" t="s">
        <v>73</v>
      </c>
      <c r="C45" s="69" t="s">
        <v>91</v>
      </c>
      <c r="D45" s="51"/>
      <c r="E45" s="114"/>
      <c r="F45" s="115"/>
    </row>
    <row r="46" spans="2:7" s="4" customFormat="1" ht="30" customHeight="1" x14ac:dyDescent="0.25">
      <c r="B46" s="57" t="s">
        <v>74</v>
      </c>
      <c r="C46" s="69" t="s">
        <v>92</v>
      </c>
      <c r="D46" s="51"/>
      <c r="E46" s="114"/>
      <c r="F46" s="115"/>
    </row>
    <row r="47" spans="2:7" s="4" customFormat="1" ht="30" customHeight="1" x14ac:dyDescent="0.25">
      <c r="B47" s="57" t="s">
        <v>75</v>
      </c>
      <c r="C47" s="69" t="s">
        <v>93</v>
      </c>
      <c r="D47" s="51"/>
      <c r="E47" s="114"/>
      <c r="F47" s="115"/>
    </row>
    <row r="48" spans="2:7" s="4" customFormat="1" ht="45.75" customHeight="1" x14ac:dyDescent="0.25">
      <c r="B48" s="57" t="s">
        <v>76</v>
      </c>
      <c r="C48" s="69" t="s">
        <v>94</v>
      </c>
      <c r="D48" s="51"/>
      <c r="E48" s="114"/>
      <c r="F48" s="115"/>
    </row>
    <row r="49" spans="2:6" s="4" customFormat="1" ht="39.75" customHeight="1" x14ac:dyDescent="0.25">
      <c r="B49" s="57" t="s">
        <v>77</v>
      </c>
      <c r="C49" s="71" t="s">
        <v>95</v>
      </c>
      <c r="D49" s="51"/>
      <c r="E49" s="114"/>
      <c r="F49" s="115"/>
    </row>
    <row r="50" spans="2:6" s="4" customFormat="1" ht="37.5" customHeight="1" x14ac:dyDescent="0.25">
      <c r="B50" s="57" t="s">
        <v>78</v>
      </c>
      <c r="C50" s="71" t="s">
        <v>96</v>
      </c>
      <c r="D50" s="51"/>
      <c r="E50" s="114"/>
      <c r="F50" s="115"/>
    </row>
    <row r="51" spans="2:6" s="4" customFormat="1" ht="34.5" customHeight="1" x14ac:dyDescent="0.25">
      <c r="B51" s="57" t="s">
        <v>79</v>
      </c>
      <c r="C51" s="69" t="s">
        <v>97</v>
      </c>
      <c r="D51" s="51"/>
      <c r="E51" s="114"/>
      <c r="F51" s="115"/>
    </row>
    <row r="52" spans="2:6" s="4" customFormat="1" ht="41.25" customHeight="1" x14ac:dyDescent="0.25">
      <c r="B52" s="57" t="s">
        <v>80</v>
      </c>
      <c r="C52" s="69" t="s">
        <v>98</v>
      </c>
      <c r="D52" s="51"/>
      <c r="E52" s="114"/>
      <c r="F52" s="115"/>
    </row>
    <row r="53" spans="2:6" s="4" customFormat="1" ht="30" customHeight="1" x14ac:dyDescent="0.25">
      <c r="B53" s="57" t="s">
        <v>81</v>
      </c>
      <c r="C53" s="69" t="s">
        <v>99</v>
      </c>
      <c r="D53" s="51"/>
      <c r="E53" s="114"/>
      <c r="F53" s="115"/>
    </row>
    <row r="54" spans="2:6" s="4" customFormat="1" ht="30" customHeight="1" x14ac:dyDescent="0.25">
      <c r="B54" s="57" t="s">
        <v>82</v>
      </c>
      <c r="C54" s="69" t="s">
        <v>100</v>
      </c>
      <c r="D54" s="51"/>
      <c r="E54" s="114"/>
      <c r="F54" s="115"/>
    </row>
    <row r="55" spans="2:6" s="4" customFormat="1" ht="33" customHeight="1" x14ac:dyDescent="0.25">
      <c r="B55" s="57" t="s">
        <v>83</v>
      </c>
      <c r="C55" s="69" t="s">
        <v>101</v>
      </c>
      <c r="D55" s="66"/>
      <c r="E55" s="163"/>
      <c r="F55" s="164"/>
    </row>
    <row r="56" spans="2:6" s="4" customFormat="1" ht="30" customHeight="1" x14ac:dyDescent="0.25">
      <c r="B56" s="57" t="s">
        <v>84</v>
      </c>
      <c r="C56" s="69" t="s">
        <v>102</v>
      </c>
      <c r="D56" s="66"/>
      <c r="E56" s="163"/>
      <c r="F56" s="164"/>
    </row>
    <row r="57" spans="2:6" s="4" customFormat="1" ht="30" customHeight="1" thickBot="1" x14ac:dyDescent="0.3">
      <c r="B57" s="59" t="s">
        <v>85</v>
      </c>
      <c r="C57" s="72" t="s">
        <v>103</v>
      </c>
      <c r="D57" s="52"/>
      <c r="E57" s="109"/>
      <c r="F57" s="110"/>
    </row>
    <row r="58" spans="2:6" s="3" customFormat="1" ht="5.0999999999999996" customHeight="1" x14ac:dyDescent="0.25">
      <c r="B58" s="67"/>
      <c r="C58" s="5"/>
      <c r="D58" s="7"/>
      <c r="E58" s="7"/>
      <c r="F58" s="26"/>
    </row>
    <row r="59" spans="2:6" s="2" customFormat="1" ht="20.100000000000001" customHeight="1" x14ac:dyDescent="0.25">
      <c r="B59" s="118" t="s">
        <v>44</v>
      </c>
      <c r="C59" s="118"/>
      <c r="D59" s="118"/>
      <c r="E59" s="118"/>
      <c r="F59" s="118"/>
    </row>
    <row r="60" spans="2:6" s="2" customFormat="1" ht="5.0999999999999996" customHeight="1" thickBot="1" x14ac:dyDescent="0.3">
      <c r="B60" s="15"/>
      <c r="D60" s="6"/>
      <c r="E60" s="6"/>
      <c r="F60" s="6"/>
    </row>
    <row r="61" spans="2:6" s="3" customFormat="1" ht="69" customHeight="1" x14ac:dyDescent="0.25">
      <c r="B61" s="119" t="s">
        <v>8</v>
      </c>
      <c r="C61" s="120"/>
      <c r="D61" s="125" t="s">
        <v>63</v>
      </c>
      <c r="E61" s="126"/>
      <c r="F61" s="127"/>
    </row>
    <row r="62" spans="2:6" s="3" customFormat="1" ht="30" customHeight="1" thickBot="1" x14ac:dyDescent="0.3">
      <c r="B62" s="121"/>
      <c r="C62" s="122"/>
      <c r="D62" s="65" t="s">
        <v>7</v>
      </c>
      <c r="E62" s="144" t="s">
        <v>30</v>
      </c>
      <c r="F62" s="145"/>
    </row>
    <row r="63" spans="2:6" s="3" customFormat="1" ht="30" customHeight="1" x14ac:dyDescent="0.25">
      <c r="B63" s="171" t="s">
        <v>67</v>
      </c>
      <c r="C63" s="172"/>
      <c r="D63" s="172"/>
      <c r="E63" s="172"/>
      <c r="F63" s="173"/>
    </row>
    <row r="64" spans="2:6" s="2" customFormat="1" x14ac:dyDescent="0.25">
      <c r="B64" s="168" t="s">
        <v>16</v>
      </c>
      <c r="C64" s="169" t="s">
        <v>108</v>
      </c>
      <c r="D64" s="170"/>
      <c r="E64" s="103"/>
      <c r="F64" s="104"/>
    </row>
    <row r="65" spans="2:6" s="2" customFormat="1" x14ac:dyDescent="0.25">
      <c r="B65" s="84" t="s">
        <v>54</v>
      </c>
      <c r="C65" s="85" t="s">
        <v>109</v>
      </c>
      <c r="D65" s="51"/>
      <c r="E65" s="105"/>
      <c r="F65" s="106"/>
    </row>
    <row r="66" spans="2:6" s="2" customFormat="1" ht="25.5" x14ac:dyDescent="0.25">
      <c r="B66" s="86" t="s">
        <v>110</v>
      </c>
      <c r="C66" s="87" t="s">
        <v>111</v>
      </c>
      <c r="D66" s="51"/>
      <c r="E66" s="105"/>
      <c r="F66" s="106"/>
    </row>
    <row r="67" spans="2:6" s="2" customFormat="1" x14ac:dyDescent="0.25">
      <c r="B67" s="88" t="s">
        <v>112</v>
      </c>
      <c r="C67" s="89" t="s">
        <v>113</v>
      </c>
      <c r="D67" s="51"/>
      <c r="E67" s="105"/>
      <c r="F67" s="106"/>
    </row>
    <row r="68" spans="2:6" s="2" customFormat="1" x14ac:dyDescent="0.25">
      <c r="B68" s="88" t="s">
        <v>114</v>
      </c>
      <c r="C68" s="89" t="s">
        <v>115</v>
      </c>
      <c r="D68" s="51"/>
      <c r="E68" s="105"/>
      <c r="F68" s="106"/>
    </row>
    <row r="69" spans="2:6" s="2" customFormat="1" ht="51" x14ac:dyDescent="0.25">
      <c r="B69" s="88" t="s">
        <v>116</v>
      </c>
      <c r="C69" s="89" t="s">
        <v>117</v>
      </c>
      <c r="D69" s="51"/>
      <c r="E69" s="105"/>
      <c r="F69" s="106"/>
    </row>
    <row r="70" spans="2:6" s="2" customFormat="1" ht="38.25" x14ac:dyDescent="0.25">
      <c r="B70" s="88" t="s">
        <v>118</v>
      </c>
      <c r="C70" s="89" t="s">
        <v>119</v>
      </c>
      <c r="D70" s="51"/>
      <c r="E70" s="105"/>
      <c r="F70" s="106"/>
    </row>
    <row r="71" spans="2:6" s="2" customFormat="1" ht="127.5" x14ac:dyDescent="0.25">
      <c r="B71" s="90" t="s">
        <v>120</v>
      </c>
      <c r="C71" s="91" t="s">
        <v>121</v>
      </c>
      <c r="D71" s="51"/>
      <c r="E71" s="105"/>
      <c r="F71" s="106"/>
    </row>
    <row r="72" spans="2:6" s="2" customFormat="1" ht="63.75" x14ac:dyDescent="0.25">
      <c r="B72" s="60" t="s">
        <v>55</v>
      </c>
      <c r="C72" s="92" t="s">
        <v>122</v>
      </c>
      <c r="D72" s="51"/>
      <c r="E72" s="105"/>
      <c r="F72" s="106"/>
    </row>
    <row r="73" spans="2:6" s="2" customFormat="1" ht="102" x14ac:dyDescent="0.25">
      <c r="B73" s="50" t="s">
        <v>56</v>
      </c>
      <c r="C73" s="93" t="s">
        <v>123</v>
      </c>
      <c r="D73" s="51"/>
      <c r="E73" s="105"/>
      <c r="F73" s="106"/>
    </row>
    <row r="74" spans="2:6" s="2" customFormat="1" ht="102" x14ac:dyDescent="0.25">
      <c r="B74" s="60" t="s">
        <v>124</v>
      </c>
      <c r="C74" s="93" t="s">
        <v>125</v>
      </c>
      <c r="D74" s="51"/>
      <c r="E74" s="105"/>
      <c r="F74" s="106"/>
    </row>
    <row r="75" spans="2:6" s="2" customFormat="1" ht="63.75" x14ac:dyDescent="0.25">
      <c r="B75" s="60" t="s">
        <v>126</v>
      </c>
      <c r="C75" s="93" t="s">
        <v>127</v>
      </c>
      <c r="D75" s="51"/>
      <c r="E75" s="105"/>
      <c r="F75" s="106"/>
    </row>
    <row r="76" spans="2:6" s="2" customFormat="1" ht="76.5" x14ac:dyDescent="0.25">
      <c r="B76" s="60" t="s">
        <v>128</v>
      </c>
      <c r="C76" s="93" t="s">
        <v>129</v>
      </c>
      <c r="D76" s="51"/>
      <c r="E76" s="105"/>
      <c r="F76" s="106"/>
    </row>
    <row r="77" spans="2:6" s="2" customFormat="1" ht="76.5" x14ac:dyDescent="0.25">
      <c r="B77" s="50" t="s">
        <v>130</v>
      </c>
      <c r="C77" s="93" t="s">
        <v>131</v>
      </c>
      <c r="D77" s="51"/>
      <c r="E77" s="105"/>
      <c r="F77" s="106"/>
    </row>
    <row r="78" spans="2:6" s="2" customFormat="1" ht="89.25" x14ac:dyDescent="0.25">
      <c r="B78" s="94" t="s">
        <v>132</v>
      </c>
      <c r="C78" s="85" t="s">
        <v>133</v>
      </c>
      <c r="D78" s="51"/>
      <c r="E78" s="105"/>
      <c r="F78" s="106"/>
    </row>
    <row r="79" spans="2:6" s="2" customFormat="1" ht="25.5" x14ac:dyDescent="0.25">
      <c r="B79" s="95" t="s">
        <v>134</v>
      </c>
      <c r="C79" s="96" t="s">
        <v>135</v>
      </c>
      <c r="D79" s="51"/>
      <c r="E79" s="105"/>
      <c r="F79" s="106"/>
    </row>
    <row r="80" spans="2:6" s="2" customFormat="1" ht="38.25" x14ac:dyDescent="0.25">
      <c r="B80" s="95" t="s">
        <v>136</v>
      </c>
      <c r="C80" s="96" t="s">
        <v>137</v>
      </c>
      <c r="D80" s="51"/>
      <c r="E80" s="105"/>
      <c r="F80" s="106"/>
    </row>
    <row r="81" spans="2:6" s="2" customFormat="1" ht="38.25" x14ac:dyDescent="0.25">
      <c r="B81" s="95" t="s">
        <v>138</v>
      </c>
      <c r="C81" s="96" t="s">
        <v>139</v>
      </c>
      <c r="D81" s="51"/>
      <c r="E81" s="105"/>
      <c r="F81" s="106"/>
    </row>
    <row r="82" spans="2:6" s="2" customFormat="1" ht="38.25" x14ac:dyDescent="0.25">
      <c r="B82" s="95" t="s">
        <v>140</v>
      </c>
      <c r="C82" s="96" t="s">
        <v>141</v>
      </c>
      <c r="D82" s="51"/>
      <c r="E82" s="105"/>
      <c r="F82" s="106"/>
    </row>
    <row r="83" spans="2:6" s="2" customFormat="1" ht="25.5" x14ac:dyDescent="0.25">
      <c r="B83" s="95" t="s">
        <v>142</v>
      </c>
      <c r="C83" s="96" t="s">
        <v>143</v>
      </c>
      <c r="D83" s="51"/>
      <c r="E83" s="105"/>
      <c r="F83" s="106"/>
    </row>
    <row r="84" spans="2:6" s="2" customFormat="1" ht="63.75" x14ac:dyDescent="0.25">
      <c r="B84" s="95" t="s">
        <v>144</v>
      </c>
      <c r="C84" s="96" t="s">
        <v>145</v>
      </c>
      <c r="D84" s="51"/>
      <c r="E84" s="105"/>
      <c r="F84" s="106"/>
    </row>
    <row r="85" spans="2:6" s="2" customFormat="1" ht="25.5" x14ac:dyDescent="0.25">
      <c r="B85" s="95" t="s">
        <v>146</v>
      </c>
      <c r="C85" s="96" t="s">
        <v>147</v>
      </c>
      <c r="D85" s="51"/>
      <c r="E85" s="105"/>
      <c r="F85" s="106"/>
    </row>
    <row r="86" spans="2:6" s="2" customFormat="1" ht="25.5" x14ac:dyDescent="0.25">
      <c r="B86" s="95" t="s">
        <v>148</v>
      </c>
      <c r="C86" s="96" t="s">
        <v>149</v>
      </c>
      <c r="D86" s="51"/>
      <c r="E86" s="105"/>
      <c r="F86" s="106"/>
    </row>
    <row r="87" spans="2:6" s="2" customFormat="1" ht="38.25" x14ac:dyDescent="0.25">
      <c r="B87" s="95" t="s">
        <v>150</v>
      </c>
      <c r="C87" s="96" t="s">
        <v>151</v>
      </c>
      <c r="D87" s="51"/>
      <c r="E87" s="105"/>
      <c r="F87" s="106"/>
    </row>
    <row r="88" spans="2:6" s="2" customFormat="1" ht="51" x14ac:dyDescent="0.25">
      <c r="B88" s="95" t="s">
        <v>152</v>
      </c>
      <c r="C88" s="97" t="s">
        <v>153</v>
      </c>
      <c r="D88" s="51"/>
      <c r="E88" s="105"/>
      <c r="F88" s="106"/>
    </row>
    <row r="89" spans="2:6" s="2" customFormat="1" ht="51" x14ac:dyDescent="0.25">
      <c r="B89" s="98" t="s">
        <v>154</v>
      </c>
      <c r="C89" s="93" t="s">
        <v>155</v>
      </c>
      <c r="D89" s="51"/>
      <c r="E89" s="105"/>
      <c r="F89" s="106"/>
    </row>
    <row r="90" spans="2:6" s="2" customFormat="1" ht="76.5" x14ac:dyDescent="0.25">
      <c r="B90" s="98" t="s">
        <v>156</v>
      </c>
      <c r="C90" s="93" t="s">
        <v>157</v>
      </c>
      <c r="D90" s="51"/>
      <c r="E90" s="105"/>
      <c r="F90" s="106"/>
    </row>
    <row r="91" spans="2:6" s="2" customFormat="1" ht="25.5" x14ac:dyDescent="0.25">
      <c r="B91" s="94" t="s">
        <v>158</v>
      </c>
      <c r="C91" s="85" t="s">
        <v>159</v>
      </c>
      <c r="D91" s="51"/>
      <c r="E91" s="105"/>
      <c r="F91" s="106"/>
    </row>
    <row r="92" spans="2:6" s="2" customFormat="1" ht="25.5" x14ac:dyDescent="0.25">
      <c r="B92" s="95" t="s">
        <v>160</v>
      </c>
      <c r="C92" s="96" t="s">
        <v>161</v>
      </c>
      <c r="D92" s="51"/>
      <c r="E92" s="105"/>
      <c r="F92" s="106"/>
    </row>
    <row r="93" spans="2:6" s="2" customFormat="1" ht="51" x14ac:dyDescent="0.25">
      <c r="B93" s="95" t="s">
        <v>162</v>
      </c>
      <c r="C93" s="97" t="s">
        <v>163</v>
      </c>
      <c r="D93" s="51"/>
      <c r="E93" s="105"/>
      <c r="F93" s="106"/>
    </row>
    <row r="94" spans="2:6" s="2" customFormat="1" ht="63.75" x14ac:dyDescent="0.25">
      <c r="B94" s="99" t="s">
        <v>164</v>
      </c>
      <c r="C94" s="85" t="s">
        <v>165</v>
      </c>
      <c r="D94" s="51"/>
      <c r="E94" s="105"/>
      <c r="F94" s="106"/>
    </row>
    <row r="95" spans="2:6" s="2" customFormat="1" ht="51" x14ac:dyDescent="0.25">
      <c r="B95" s="95" t="s">
        <v>166</v>
      </c>
      <c r="C95" s="96" t="s">
        <v>167</v>
      </c>
      <c r="D95" s="51"/>
      <c r="E95" s="105"/>
      <c r="F95" s="106"/>
    </row>
    <row r="96" spans="2:6" s="2" customFormat="1" ht="38.25" x14ac:dyDescent="0.25">
      <c r="B96" s="100" t="s">
        <v>168</v>
      </c>
      <c r="C96" s="97" t="s">
        <v>169</v>
      </c>
      <c r="D96" s="51"/>
      <c r="E96" s="105"/>
      <c r="F96" s="106"/>
    </row>
    <row r="97" spans="2:7" s="2" customFormat="1" ht="114.75" x14ac:dyDescent="0.25">
      <c r="B97" s="50" t="s">
        <v>170</v>
      </c>
      <c r="C97" s="93" t="s">
        <v>171</v>
      </c>
      <c r="D97" s="51"/>
      <c r="E97" s="105"/>
      <c r="F97" s="106"/>
    </row>
    <row r="98" spans="2:7" s="2" customFormat="1" ht="102" x14ac:dyDescent="0.25">
      <c r="B98" s="50" t="s">
        <v>172</v>
      </c>
      <c r="C98" s="93" t="s">
        <v>173</v>
      </c>
      <c r="D98" s="51"/>
      <c r="E98" s="105"/>
      <c r="F98" s="106"/>
    </row>
    <row r="99" spans="2:7" s="2" customFormat="1" ht="63.75" x14ac:dyDescent="0.25">
      <c r="B99" s="50" t="s">
        <v>174</v>
      </c>
      <c r="C99" s="93" t="s">
        <v>175</v>
      </c>
      <c r="D99" s="51"/>
      <c r="E99" s="105"/>
      <c r="F99" s="106"/>
    </row>
    <row r="100" spans="2:7" s="2" customFormat="1" ht="89.25" x14ac:dyDescent="0.25">
      <c r="B100" s="50" t="s">
        <v>176</v>
      </c>
      <c r="C100" s="93" t="s">
        <v>177</v>
      </c>
      <c r="D100" s="51"/>
      <c r="E100" s="105"/>
      <c r="F100" s="106"/>
    </row>
    <row r="101" spans="2:7" s="2" customFormat="1" ht="89.25" x14ac:dyDescent="0.25">
      <c r="B101" s="50" t="s">
        <v>178</v>
      </c>
      <c r="C101" s="27" t="s">
        <v>179</v>
      </c>
      <c r="D101" s="51"/>
      <c r="E101" s="105"/>
      <c r="F101" s="106"/>
    </row>
    <row r="102" spans="2:7" s="2" customFormat="1" ht="76.5" x14ac:dyDescent="0.25">
      <c r="B102" s="50" t="s">
        <v>180</v>
      </c>
      <c r="C102" s="27" t="s">
        <v>181</v>
      </c>
      <c r="D102" s="51"/>
      <c r="E102" s="105"/>
      <c r="F102" s="106"/>
    </row>
    <row r="103" spans="2:7" s="2" customFormat="1" ht="178.5" x14ac:dyDescent="0.25">
      <c r="B103" s="50" t="s">
        <v>182</v>
      </c>
      <c r="C103" s="93" t="s">
        <v>183</v>
      </c>
      <c r="D103" s="51"/>
      <c r="E103" s="105"/>
      <c r="F103" s="106"/>
    </row>
    <row r="104" spans="2:7" s="2" customFormat="1" ht="114.75" x14ac:dyDescent="0.25">
      <c r="B104" s="101" t="s">
        <v>184</v>
      </c>
      <c r="C104" s="93" t="s">
        <v>185</v>
      </c>
      <c r="D104" s="51"/>
      <c r="E104" s="105"/>
      <c r="F104" s="106"/>
    </row>
    <row r="105" spans="2:7" s="2" customFormat="1" ht="63.75" x14ac:dyDescent="0.25">
      <c r="B105" s="101" t="s">
        <v>186</v>
      </c>
      <c r="C105" s="93" t="s">
        <v>187</v>
      </c>
      <c r="D105" s="51"/>
      <c r="E105" s="105"/>
      <c r="F105" s="106"/>
    </row>
    <row r="106" spans="2:7" s="2" customFormat="1" ht="39" thickBot="1" x14ac:dyDescent="0.3">
      <c r="B106" s="55" t="s">
        <v>188</v>
      </c>
      <c r="C106" s="102" t="s">
        <v>189</v>
      </c>
      <c r="D106" s="52"/>
      <c r="E106" s="107"/>
      <c r="F106" s="108"/>
    </row>
    <row r="107" spans="2:7" s="3" customFormat="1" ht="5.0999999999999996" customHeight="1" x14ac:dyDescent="0.25">
      <c r="B107" s="5"/>
      <c r="C107" s="5"/>
      <c r="D107" s="7"/>
      <c r="E107" s="7"/>
      <c r="F107" s="26"/>
      <c r="G107" s="2"/>
    </row>
    <row r="108" spans="2:7" s="2" customFormat="1" ht="20.100000000000001" customHeight="1" x14ac:dyDescent="0.25">
      <c r="B108" s="118" t="s">
        <v>50</v>
      </c>
      <c r="C108" s="118"/>
      <c r="D108" s="118"/>
      <c r="E108" s="118"/>
      <c r="F108" s="118"/>
    </row>
    <row r="109" spans="2:7" s="2" customFormat="1" ht="4.5" customHeight="1" thickBot="1" x14ac:dyDescent="0.3"/>
    <row r="110" spans="2:7" s="2" customFormat="1" ht="80.25" customHeight="1" x14ac:dyDescent="0.25">
      <c r="B110" s="154" t="s">
        <v>51</v>
      </c>
      <c r="C110" s="155"/>
      <c r="D110" s="158" t="s">
        <v>52</v>
      </c>
      <c r="E110" s="159"/>
      <c r="F110" s="160"/>
    </row>
    <row r="111" spans="2:7" s="3" customFormat="1" ht="29.25" customHeight="1" thickBot="1" x14ac:dyDescent="0.3">
      <c r="B111" s="156"/>
      <c r="C111" s="157"/>
      <c r="D111" s="24" t="s">
        <v>7</v>
      </c>
      <c r="E111" s="161" t="s">
        <v>30</v>
      </c>
      <c r="F111" s="162"/>
      <c r="G111" s="2"/>
    </row>
    <row r="112" spans="2:7" s="3" customFormat="1" ht="27" customHeight="1" x14ac:dyDescent="0.25">
      <c r="B112" s="53" t="s">
        <v>16</v>
      </c>
      <c r="C112" s="58" t="s">
        <v>58</v>
      </c>
      <c r="D112" s="54"/>
      <c r="E112" s="142"/>
      <c r="F112" s="143"/>
      <c r="G112" s="2"/>
    </row>
    <row r="113" spans="2:7" s="3" customFormat="1" ht="31.5" customHeight="1" x14ac:dyDescent="0.25">
      <c r="B113" s="60" t="s">
        <v>54</v>
      </c>
      <c r="C113" s="62" t="s">
        <v>60</v>
      </c>
      <c r="D113" s="61"/>
      <c r="E113" s="103"/>
      <c r="F113" s="104"/>
      <c r="G113" s="2"/>
    </row>
    <row r="114" spans="2:7" s="3" customFormat="1" ht="27" customHeight="1" x14ac:dyDescent="0.25">
      <c r="B114" s="60" t="s">
        <v>55</v>
      </c>
      <c r="C114" s="64" t="s">
        <v>53</v>
      </c>
      <c r="D114" s="61"/>
      <c r="E114" s="103"/>
      <c r="F114" s="104"/>
      <c r="G114" s="2"/>
    </row>
    <row r="115" spans="2:7" s="3" customFormat="1" ht="58.5" customHeight="1" thickBot="1" x14ac:dyDescent="0.3">
      <c r="B115" s="55" t="s">
        <v>56</v>
      </c>
      <c r="C115" s="63" t="s">
        <v>61</v>
      </c>
      <c r="D115" s="56"/>
      <c r="E115" s="152"/>
      <c r="F115" s="153"/>
      <c r="G115" s="2"/>
    </row>
    <row r="116" spans="2:7" s="2" customFormat="1" ht="5.0999999999999996" customHeight="1" x14ac:dyDescent="0.25">
      <c r="B116" s="5"/>
      <c r="C116" s="5"/>
      <c r="D116" s="7"/>
      <c r="E116" s="7"/>
      <c r="F116" s="26"/>
    </row>
    <row r="117" spans="2:7" s="2" customFormat="1" ht="20.100000000000001" customHeight="1" x14ac:dyDescent="0.25">
      <c r="B117" s="118" t="s">
        <v>15</v>
      </c>
      <c r="C117" s="118"/>
      <c r="D117" s="118"/>
      <c r="E117" s="118"/>
      <c r="F117" s="118"/>
    </row>
    <row r="118" spans="2:7" s="3" customFormat="1" ht="30" customHeight="1" x14ac:dyDescent="0.25">
      <c r="B118" s="5" t="s">
        <v>17</v>
      </c>
      <c r="C118" s="136" t="s">
        <v>59</v>
      </c>
      <c r="D118" s="136"/>
      <c r="E118" s="136"/>
      <c r="F118" s="136"/>
      <c r="G118" s="2"/>
    </row>
    <row r="119" spans="2:7" s="3" customFormat="1" ht="30" customHeight="1" x14ac:dyDescent="0.25">
      <c r="B119" s="5" t="s">
        <v>17</v>
      </c>
      <c r="C119" s="136" t="s">
        <v>105</v>
      </c>
      <c r="D119" s="136"/>
      <c r="E119" s="136"/>
      <c r="F119" s="136"/>
      <c r="G119" s="2"/>
    </row>
    <row r="120" spans="2:7" s="29" customFormat="1" ht="30" customHeight="1" x14ac:dyDescent="0.25">
      <c r="B120" s="137" t="s">
        <v>31</v>
      </c>
      <c r="C120" s="137"/>
      <c r="D120" s="137"/>
      <c r="E120" s="137"/>
      <c r="F120" s="3"/>
      <c r="G120" s="2"/>
    </row>
    <row r="121" spans="2:7" s="2" customFormat="1" ht="24.95" customHeight="1" x14ac:dyDescent="0.25">
      <c r="B121" s="28" t="s">
        <v>32</v>
      </c>
      <c r="C121" s="139"/>
      <c r="D121" s="139"/>
      <c r="F121" s="29"/>
    </row>
    <row r="122" spans="2:7" s="2" customFormat="1" ht="24.95" customHeight="1" x14ac:dyDescent="0.25">
      <c r="B122" s="28" t="s">
        <v>33</v>
      </c>
      <c r="C122" s="139"/>
      <c r="D122" s="139"/>
      <c r="F122" s="29"/>
    </row>
    <row r="123" spans="2:7" s="2" customFormat="1" ht="24.95" customHeight="1" x14ac:dyDescent="0.25">
      <c r="B123" s="28" t="s">
        <v>34</v>
      </c>
      <c r="C123" s="139"/>
      <c r="D123" s="139"/>
      <c r="F123" s="29"/>
    </row>
    <row r="124" spans="2:7" s="3" customFormat="1" ht="24.95" customHeight="1" x14ac:dyDescent="0.25">
      <c r="B124" s="28" t="s">
        <v>35</v>
      </c>
      <c r="C124" s="139"/>
      <c r="D124" s="139"/>
      <c r="E124" s="2"/>
      <c r="F124" s="30"/>
      <c r="G124" s="2"/>
    </row>
    <row r="125" spans="2:7" s="2" customFormat="1" ht="14.25" customHeight="1" x14ac:dyDescent="0.2">
      <c r="B125" s="11"/>
      <c r="C125" s="12"/>
      <c r="D125" s="12"/>
      <c r="F125" s="31"/>
    </row>
    <row r="126" spans="2:7" s="3" customFormat="1" ht="15" customHeight="1" x14ac:dyDescent="0.25">
      <c r="B126" s="138" t="s">
        <v>36</v>
      </c>
      <c r="C126" s="138"/>
      <c r="D126" s="138"/>
      <c r="E126" s="138"/>
      <c r="F126" s="138"/>
    </row>
    <row r="127" spans="2:7" s="2" customFormat="1" ht="36.75" customHeight="1" x14ac:dyDescent="0.25">
      <c r="B127" s="167" t="s">
        <v>47</v>
      </c>
      <c r="C127" s="167"/>
      <c r="D127" s="167"/>
      <c r="E127" s="167"/>
      <c r="F127" s="167"/>
    </row>
    <row r="128" spans="2:7" s="2" customFormat="1" ht="20.100000000000001" customHeight="1" x14ac:dyDescent="0.2">
      <c r="B128" s="1"/>
      <c r="C128" s="1"/>
      <c r="D128" s="8"/>
      <c r="E128" s="8"/>
    </row>
    <row r="129" spans="1:15" s="3" customFormat="1" ht="4.5" customHeight="1" x14ac:dyDescent="0.2">
      <c r="B129" s="1"/>
      <c r="C129" s="1"/>
      <c r="D129" s="8"/>
      <c r="E129" s="8"/>
      <c r="F129" s="2"/>
    </row>
    <row r="130" spans="1:15" s="3" customFormat="1" ht="20.100000000000001" customHeight="1" x14ac:dyDescent="0.25">
      <c r="B130" s="32" t="s">
        <v>37</v>
      </c>
      <c r="C130" s="33"/>
      <c r="D130" s="34" t="s">
        <v>38</v>
      </c>
      <c r="E130" s="165"/>
      <c r="F130" s="165"/>
    </row>
    <row r="131" spans="1:15" s="3" customFormat="1" ht="20.100000000000001" customHeight="1" x14ac:dyDescent="0.25">
      <c r="B131" s="35"/>
      <c r="C131" s="35"/>
      <c r="D131" s="35"/>
      <c r="E131" s="36"/>
      <c r="F131" s="36"/>
    </row>
    <row r="132" spans="1:15" ht="20.100000000000001" customHeight="1" x14ac:dyDescent="0.2">
      <c r="B132" s="32" t="s">
        <v>39</v>
      </c>
      <c r="C132" s="33"/>
      <c r="D132" s="37" t="s">
        <v>40</v>
      </c>
      <c r="E132" s="166"/>
      <c r="F132" s="166"/>
    </row>
    <row r="133" spans="1:15" s="2" customFormat="1" ht="20.100000000000001" customHeight="1" x14ac:dyDescent="0.2">
      <c r="B133" s="1"/>
      <c r="C133" s="1"/>
      <c r="D133" s="37" t="s">
        <v>41</v>
      </c>
      <c r="E133" s="139"/>
      <c r="F133" s="139"/>
    </row>
    <row r="134" spans="1:15" s="2" customFormat="1" ht="20.100000000000001" customHeight="1" x14ac:dyDescent="0.2">
      <c r="B134" s="1"/>
      <c r="C134" s="1"/>
      <c r="D134" s="38" t="s">
        <v>42</v>
      </c>
      <c r="E134" s="1"/>
    </row>
    <row r="135" spans="1:15" s="73" customFormat="1" ht="12" x14ac:dyDescent="0.2">
      <c r="A135" s="151" t="s">
        <v>106</v>
      </c>
      <c r="B135" s="151"/>
      <c r="D135" s="74"/>
      <c r="E135" s="74"/>
      <c r="F135" s="75"/>
      <c r="G135" s="75"/>
      <c r="H135" s="75"/>
      <c r="I135" s="75"/>
      <c r="J135" s="75"/>
      <c r="K135" s="75"/>
      <c r="L135" s="75"/>
      <c r="M135" s="76"/>
      <c r="O135" s="76"/>
    </row>
    <row r="136" spans="1:15" s="83" customFormat="1" ht="15" x14ac:dyDescent="0.25">
      <c r="A136" s="77"/>
      <c r="B136" s="78" t="s">
        <v>107</v>
      </c>
      <c r="C136" s="79"/>
      <c r="D136" s="80"/>
      <c r="E136" s="80"/>
      <c r="F136" s="81"/>
      <c r="G136" s="81"/>
      <c r="H136" s="81"/>
      <c r="I136" s="81"/>
      <c r="J136" s="81"/>
      <c r="K136" s="81"/>
      <c r="L136" s="81"/>
      <c r="M136" s="82"/>
      <c r="O136" s="82"/>
    </row>
    <row r="137" spans="1:15" s="2" customFormat="1" ht="24" customHeight="1" x14ac:dyDescent="0.25"/>
    <row r="138" spans="1:15" s="2" customFormat="1" ht="24" customHeight="1" x14ac:dyDescent="0.25"/>
    <row r="139" spans="1:15" s="2" customFormat="1" ht="24" customHeight="1" x14ac:dyDescent="0.25"/>
    <row r="140" spans="1:15" s="2" customFormat="1" ht="20.100000000000001" customHeight="1" x14ac:dyDescent="0.25"/>
    <row r="141" spans="1:15" s="2" customFormat="1" ht="20.100000000000001" customHeight="1" x14ac:dyDescent="0.25"/>
    <row r="142" spans="1:15" s="2" customFormat="1" ht="50.1" customHeight="1" x14ac:dyDescent="0.25"/>
    <row r="143" spans="1:15" s="2" customFormat="1" ht="43.5" customHeight="1" x14ac:dyDescent="0.25"/>
    <row r="144" spans="1:15" ht="24.75" customHeight="1" x14ac:dyDescent="0.2">
      <c r="B144" s="2"/>
      <c r="C144" s="2"/>
      <c r="D144" s="2"/>
      <c r="E144" s="2"/>
    </row>
    <row r="145" spans="2:5" x14ac:dyDescent="0.2">
      <c r="B145" s="2"/>
      <c r="C145" s="2"/>
      <c r="D145" s="2"/>
      <c r="E145" s="2"/>
    </row>
    <row r="146" spans="2:5" ht="20.100000000000001" customHeight="1" x14ac:dyDescent="0.2"/>
    <row r="147" spans="2:5" ht="4.5" customHeight="1" x14ac:dyDescent="0.2"/>
    <row r="148" spans="2:5" ht="20.100000000000001" customHeight="1" x14ac:dyDescent="0.2"/>
    <row r="149" spans="2:5" ht="20.100000000000001" customHeight="1" x14ac:dyDescent="0.2"/>
    <row r="150" spans="2:5" ht="20.100000000000001" customHeight="1" x14ac:dyDescent="0.2"/>
  </sheetData>
  <mergeCells count="115">
    <mergeCell ref="A135:B135"/>
    <mergeCell ref="E115:F115"/>
    <mergeCell ref="B108:F108"/>
    <mergeCell ref="B110:C111"/>
    <mergeCell ref="D110:F110"/>
    <mergeCell ref="E111:F111"/>
    <mergeCell ref="E43:F43"/>
    <mergeCell ref="E44:F44"/>
    <mergeCell ref="E45:F45"/>
    <mergeCell ref="E46:F46"/>
    <mergeCell ref="E47:F47"/>
    <mergeCell ref="E53:F53"/>
    <mergeCell ref="E54:F54"/>
    <mergeCell ref="E55:F55"/>
    <mergeCell ref="E56:F56"/>
    <mergeCell ref="E48:F48"/>
    <mergeCell ref="E49:F49"/>
    <mergeCell ref="E50:F50"/>
    <mergeCell ref="E51:F51"/>
    <mergeCell ref="E52:F52"/>
    <mergeCell ref="E130:F130"/>
    <mergeCell ref="E132:F132"/>
    <mergeCell ref="E133:F133"/>
    <mergeCell ref="B127:F127"/>
    <mergeCell ref="B2:F2"/>
    <mergeCell ref="B1:F1"/>
    <mergeCell ref="B23:C23"/>
    <mergeCell ref="B26:C26"/>
    <mergeCell ref="E112:F112"/>
    <mergeCell ref="E66:F66"/>
    <mergeCell ref="E67:F67"/>
    <mergeCell ref="E68:F68"/>
    <mergeCell ref="B59:F59"/>
    <mergeCell ref="B61:C62"/>
    <mergeCell ref="D61:F61"/>
    <mergeCell ref="E62:F62"/>
    <mergeCell ref="B21:F21"/>
    <mergeCell ref="B16:D16"/>
    <mergeCell ref="B17:D17"/>
    <mergeCell ref="B18:F18"/>
    <mergeCell ref="B3:F3"/>
    <mergeCell ref="B7:F7"/>
    <mergeCell ref="B8:F8"/>
    <mergeCell ref="B9:F9"/>
    <mergeCell ref="B11:F11"/>
    <mergeCell ref="B12:D12"/>
    <mergeCell ref="E64:F64"/>
    <mergeCell ref="E40:F40"/>
    <mergeCell ref="B117:F117"/>
    <mergeCell ref="C118:F118"/>
    <mergeCell ref="B120:E120"/>
    <mergeCell ref="B126:F126"/>
    <mergeCell ref="C121:D121"/>
    <mergeCell ref="C122:D122"/>
    <mergeCell ref="C123:D123"/>
    <mergeCell ref="C124:D124"/>
    <mergeCell ref="C119:F119"/>
    <mergeCell ref="B38:F38"/>
    <mergeCell ref="E39:F39"/>
    <mergeCell ref="C28:D28"/>
    <mergeCell ref="B34:F34"/>
    <mergeCell ref="B36:C37"/>
    <mergeCell ref="B13:D13"/>
    <mergeCell ref="E41:F41"/>
    <mergeCell ref="E42:F42"/>
    <mergeCell ref="B19:F19"/>
    <mergeCell ref="D36:F36"/>
    <mergeCell ref="E37:F37"/>
    <mergeCell ref="B20:D20"/>
    <mergeCell ref="B22:F22"/>
    <mergeCell ref="C27:D27"/>
    <mergeCell ref="B30:C30"/>
    <mergeCell ref="E57:F57"/>
    <mergeCell ref="E72:F72"/>
    <mergeCell ref="E101:F101"/>
    <mergeCell ref="E94:F94"/>
    <mergeCell ref="E95:F95"/>
    <mergeCell ref="E96:F96"/>
    <mergeCell ref="E97:F97"/>
    <mergeCell ref="B63:F63"/>
    <mergeCell ref="E93:F93"/>
    <mergeCell ref="E98:F98"/>
    <mergeCell ref="E99:F99"/>
    <mergeCell ref="E100:F100"/>
    <mergeCell ref="E65:F65"/>
    <mergeCell ref="E69:F69"/>
    <mergeCell ref="E76:F76"/>
    <mergeCell ref="E77:F77"/>
    <mergeCell ref="E78:F78"/>
    <mergeCell ref="E91:F91"/>
    <mergeCell ref="E92:F92"/>
    <mergeCell ref="E114:F114"/>
    <mergeCell ref="E70:F70"/>
    <mergeCell ref="E71:F71"/>
    <mergeCell ref="E73:F73"/>
    <mergeCell ref="E74:F74"/>
    <mergeCell ref="E75:F75"/>
    <mergeCell ref="E106:F106"/>
    <mergeCell ref="E79:F79"/>
    <mergeCell ref="E113:F113"/>
    <mergeCell ref="E102:F102"/>
    <mergeCell ref="E105:F105"/>
    <mergeCell ref="E103:F103"/>
    <mergeCell ref="E104:F104"/>
    <mergeCell ref="E80:F80"/>
    <mergeCell ref="E81:F81"/>
    <mergeCell ref="E82:F82"/>
    <mergeCell ref="E83:F83"/>
    <mergeCell ref="E84:F84"/>
    <mergeCell ref="E85:F85"/>
    <mergeCell ref="E86:F86"/>
    <mergeCell ref="E87:F87"/>
    <mergeCell ref="E88:F88"/>
    <mergeCell ref="E89:F89"/>
    <mergeCell ref="E90:F90"/>
  </mergeCells>
  <conditionalFormatting sqref="D75:D78 D64:D68">
    <cfRule type="containsBlanks" dxfId="34" priority="105">
      <formula>LEN(TRIM(D64))=0</formula>
    </cfRule>
  </conditionalFormatting>
  <conditionalFormatting sqref="E132:F132">
    <cfRule type="containsBlanks" dxfId="33" priority="104">
      <formula>LEN(TRIM(E132))=0</formula>
    </cfRule>
  </conditionalFormatting>
  <conditionalFormatting sqref="C130">
    <cfRule type="containsBlanks" dxfId="32" priority="102">
      <formula>LEN(TRIM(C130))=0</formula>
    </cfRule>
  </conditionalFormatting>
  <conditionalFormatting sqref="E133:F133">
    <cfRule type="containsBlanks" dxfId="31" priority="103">
      <formula>LEN(TRIM(E133))=0</formula>
    </cfRule>
  </conditionalFormatting>
  <conditionalFormatting sqref="C132">
    <cfRule type="containsBlanks" dxfId="30" priority="101">
      <formula>LEN(TRIM(C132))=0</formula>
    </cfRule>
  </conditionalFormatting>
  <conditionalFormatting sqref="C4:C5">
    <cfRule type="containsBlanks" dxfId="29" priority="100">
      <formula>LEN(TRIM(C4))=0</formula>
    </cfRule>
  </conditionalFormatting>
  <conditionalFormatting sqref="D39">
    <cfRule type="containsBlanks" dxfId="28" priority="99">
      <formula>LEN(TRIM(D39))=0</formula>
    </cfRule>
  </conditionalFormatting>
  <conditionalFormatting sqref="D112">
    <cfRule type="containsBlanks" dxfId="27" priority="94">
      <formula>LEN(TRIM(D112))=0</formula>
    </cfRule>
  </conditionalFormatting>
  <conditionalFormatting sqref="C123:D123">
    <cfRule type="containsBlanks" dxfId="26" priority="90">
      <formula>LEN(TRIM(C123))=0</formula>
    </cfRule>
  </conditionalFormatting>
  <conditionalFormatting sqref="D40:D41">
    <cfRule type="containsBlanks" dxfId="25" priority="72">
      <formula>LEN(TRIM(D40))=0</formula>
    </cfRule>
  </conditionalFormatting>
  <conditionalFormatting sqref="C122:D122">
    <cfRule type="containsBlanks" dxfId="24" priority="41">
      <formula>LEN(TRIM(C122))=0</formula>
    </cfRule>
  </conditionalFormatting>
  <conditionalFormatting sqref="C121:D121">
    <cfRule type="containsBlanks" dxfId="23" priority="40">
      <formula>LEN(TRIM(C121))=0</formula>
    </cfRule>
  </conditionalFormatting>
  <conditionalFormatting sqref="C124:D124">
    <cfRule type="containsBlanks" dxfId="22" priority="39">
      <formula>LEN(TRIM(C124))=0</formula>
    </cfRule>
  </conditionalFormatting>
  <conditionalFormatting sqref="D115">
    <cfRule type="containsBlanks" dxfId="21" priority="32">
      <formula>LEN(TRIM(D115))=0</formula>
    </cfRule>
  </conditionalFormatting>
  <conditionalFormatting sqref="D74">
    <cfRule type="containsBlanks" dxfId="20" priority="31">
      <formula>LEN(TRIM(D74))=0</formula>
    </cfRule>
  </conditionalFormatting>
  <conditionalFormatting sqref="D42 D57">
    <cfRule type="containsBlanks" dxfId="19" priority="27">
      <formula>LEN(TRIM(D42))=0</formula>
    </cfRule>
  </conditionalFormatting>
  <conditionalFormatting sqref="D69:D73">
    <cfRule type="containsBlanks" dxfId="18" priority="19">
      <formula>LEN(TRIM(D69))=0</formula>
    </cfRule>
  </conditionalFormatting>
  <conditionalFormatting sqref="D103:D106 D79 D93:D96">
    <cfRule type="containsBlanks" dxfId="17" priority="18">
      <formula>LEN(TRIM(D79))=0</formula>
    </cfRule>
  </conditionalFormatting>
  <conditionalFormatting sqref="D102">
    <cfRule type="containsBlanks" dxfId="16" priority="17">
      <formula>LEN(TRIM(D102))=0</formula>
    </cfRule>
  </conditionalFormatting>
  <conditionalFormatting sqref="D97:D101">
    <cfRule type="containsBlanks" dxfId="15" priority="16">
      <formula>LEN(TRIM(D97))=0</formula>
    </cfRule>
  </conditionalFormatting>
  <conditionalFormatting sqref="D113">
    <cfRule type="containsBlanks" dxfId="14" priority="15">
      <formula>LEN(TRIM(D113))=0</formula>
    </cfRule>
  </conditionalFormatting>
  <conditionalFormatting sqref="D114">
    <cfRule type="containsBlanks" dxfId="13" priority="14">
      <formula>LEN(TRIM(D114))=0</formula>
    </cfRule>
  </conditionalFormatting>
  <conditionalFormatting sqref="D43">
    <cfRule type="containsBlanks" dxfId="12" priority="13">
      <formula>LEN(TRIM(D43))=0</formula>
    </cfRule>
  </conditionalFormatting>
  <conditionalFormatting sqref="D44:D45">
    <cfRule type="containsBlanks" dxfId="11" priority="12">
      <formula>LEN(TRIM(D44))=0</formula>
    </cfRule>
  </conditionalFormatting>
  <conditionalFormatting sqref="D46 D56">
    <cfRule type="containsBlanks" dxfId="10" priority="11">
      <formula>LEN(TRIM(D46))=0</formula>
    </cfRule>
  </conditionalFormatting>
  <conditionalFormatting sqref="D47">
    <cfRule type="containsBlanks" dxfId="9" priority="10">
      <formula>LEN(TRIM(D47))=0</formula>
    </cfRule>
  </conditionalFormatting>
  <conditionalFormatting sqref="D48:D49">
    <cfRule type="containsBlanks" dxfId="8" priority="9">
      <formula>LEN(TRIM(D48))=0</formula>
    </cfRule>
  </conditionalFormatting>
  <conditionalFormatting sqref="D50">
    <cfRule type="containsBlanks" dxfId="7" priority="8">
      <formula>LEN(TRIM(D50))=0</formula>
    </cfRule>
  </conditionalFormatting>
  <conditionalFormatting sqref="D51">
    <cfRule type="containsBlanks" dxfId="6" priority="7">
      <formula>LEN(TRIM(D51))=0</formula>
    </cfRule>
  </conditionalFormatting>
  <conditionalFormatting sqref="D52:D53">
    <cfRule type="containsBlanks" dxfId="5" priority="6">
      <formula>LEN(TRIM(D52))=0</formula>
    </cfRule>
  </conditionalFormatting>
  <conditionalFormatting sqref="D54:D55">
    <cfRule type="containsBlanks" dxfId="4" priority="5">
      <formula>LEN(TRIM(D54))=0</formula>
    </cfRule>
  </conditionalFormatting>
  <conditionalFormatting sqref="D88:D91 D80:D81">
    <cfRule type="containsBlanks" dxfId="3" priority="4">
      <formula>LEN(TRIM(D80))=0</formula>
    </cfRule>
  </conditionalFormatting>
  <conditionalFormatting sqref="D87">
    <cfRule type="containsBlanks" dxfId="2" priority="3">
      <formula>LEN(TRIM(D87))=0</formula>
    </cfRule>
  </conditionalFormatting>
  <conditionalFormatting sqref="D82:D86">
    <cfRule type="containsBlanks" dxfId="1" priority="2">
      <formula>LEN(TRIM(D82))=0</formula>
    </cfRule>
  </conditionalFormatting>
  <conditionalFormatting sqref="D92">
    <cfRule type="containsBlanks" dxfId="0" priority="1">
      <formula>LEN(TRIM(D92))=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24"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2-05-10T12:29:37Z</cp:lastPrinted>
  <dcterms:created xsi:type="dcterms:W3CDTF">2017-04-21T05:51:15Z</dcterms:created>
  <dcterms:modified xsi:type="dcterms:W3CDTF">2023-06-08T07:32:28Z</dcterms:modified>
</cp:coreProperties>
</file>